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7\HP2107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" uniqueCount="32">
  <si>
    <t>富山市の人口</t>
  </si>
  <si>
    <t>住民基本台帳人口</t>
  </si>
  <si>
    <t>令和　　3　  年</t>
    <rPh sb="0" eb="2">
      <t>レイワ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３年　　月別動態別人口）</t>
    <rPh sb="1" eb="3">
      <t>レイワ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76">
    <xf numFmtId="0" fontId="0" fillId="0" borderId="0" xfId="0"/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179" fontId="2" fillId="2" borderId="34" xfId="0" applyNumberFormat="1" applyFont="1" applyFill="1" applyBorder="1" applyAlignment="1" applyProtection="1">
      <alignment horizontal="right" vertical="center"/>
      <protection locked="0"/>
    </xf>
    <xf numFmtId="179" fontId="2" fillId="0" borderId="34" xfId="0" applyNumberFormat="1" applyFont="1" applyBorder="1" applyAlignment="1">
      <alignment horizontal="right" vertical="center"/>
    </xf>
    <xf numFmtId="180" fontId="2" fillId="0" borderId="34" xfId="0" applyNumberFormat="1" applyFont="1" applyBorder="1" applyAlignment="1">
      <alignment horizontal="right" vertical="center"/>
    </xf>
    <xf numFmtId="180" fontId="2" fillId="0" borderId="35" xfId="0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39" xfId="1" applyFont="1" applyBorder="1" applyAlignment="1">
      <alignment vertical="center"/>
    </xf>
    <xf numFmtId="180" fontId="2" fillId="0" borderId="39" xfId="1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3320312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3320312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3320312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3320312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3320312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3320312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3320312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3320312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3320312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3320312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3320312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3320312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3320312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3320312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3320312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3320312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3320312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3320312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3320312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3320312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3320312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3320312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3320312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3320312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3320312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3320312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3320312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3320312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3320312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3320312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3320312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3320312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3320312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3320312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3320312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3320312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3320312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3320312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3320312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3320312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3320312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3320312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3320312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3320312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3320312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3320312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3320312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3320312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3320312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3320312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3320312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3320312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3320312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3320312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3320312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3320312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3320312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3320312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3320312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3320312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3320312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3320312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3320312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7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2480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2332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1106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1226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4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91</v>
      </c>
      <c r="D18" s="51">
        <v>201</v>
      </c>
      <c r="E18" s="50">
        <v>293</v>
      </c>
      <c r="F18" s="50">
        <v>284</v>
      </c>
      <c r="G18" s="51">
        <v>577</v>
      </c>
      <c r="H18" s="51">
        <v>-376</v>
      </c>
      <c r="I18" s="50">
        <v>263</v>
      </c>
      <c r="J18" s="50">
        <v>79</v>
      </c>
      <c r="K18" s="50">
        <v>94</v>
      </c>
      <c r="L18" s="51">
        <v>173</v>
      </c>
      <c r="M18" s="50">
        <v>451</v>
      </c>
      <c r="N18" s="50">
        <v>368</v>
      </c>
      <c r="O18" s="50">
        <v>218</v>
      </c>
      <c r="P18" s="51">
        <v>586</v>
      </c>
      <c r="Q18" s="51">
        <v>759</v>
      </c>
      <c r="R18" s="50">
        <v>414</v>
      </c>
      <c r="S18" s="50">
        <v>108</v>
      </c>
      <c r="T18" s="50">
        <v>110</v>
      </c>
      <c r="U18" s="51">
        <v>218</v>
      </c>
      <c r="V18" s="50">
        <v>259</v>
      </c>
      <c r="W18" s="50">
        <v>265</v>
      </c>
      <c r="X18" s="50">
        <v>157</v>
      </c>
      <c r="Y18" s="51">
        <v>422</v>
      </c>
      <c r="Z18" s="51">
        <v>640</v>
      </c>
      <c r="AA18" s="51">
        <v>119</v>
      </c>
      <c r="AB18" s="51">
        <v>-257</v>
      </c>
      <c r="AC18" s="52">
        <v>181677</v>
      </c>
      <c r="AD18" s="52">
        <v>201788</v>
      </c>
      <c r="AE18" s="52">
        <v>212057</v>
      </c>
      <c r="AF18" s="53">
        <v>413845</v>
      </c>
    </row>
    <row r="19" spans="1:32" ht="20.100000000000001" customHeight="1" x14ac:dyDescent="0.2">
      <c r="A19" s="54">
        <v>2</v>
      </c>
      <c r="B19" s="55">
        <v>89</v>
      </c>
      <c r="C19" s="55">
        <v>94</v>
      </c>
      <c r="D19" s="56">
        <v>183</v>
      </c>
      <c r="E19" s="55">
        <v>193</v>
      </c>
      <c r="F19" s="55">
        <v>193</v>
      </c>
      <c r="G19" s="56">
        <v>386</v>
      </c>
      <c r="H19" s="56">
        <v>-203</v>
      </c>
      <c r="I19" s="55">
        <v>289</v>
      </c>
      <c r="J19" s="55">
        <v>110</v>
      </c>
      <c r="K19" s="55">
        <v>101</v>
      </c>
      <c r="L19" s="56">
        <v>211</v>
      </c>
      <c r="M19" s="55">
        <v>313</v>
      </c>
      <c r="N19" s="55">
        <v>268</v>
      </c>
      <c r="O19" s="55">
        <v>210</v>
      </c>
      <c r="P19" s="56">
        <v>478</v>
      </c>
      <c r="Q19" s="56">
        <v>689</v>
      </c>
      <c r="R19" s="55">
        <v>343</v>
      </c>
      <c r="S19" s="55">
        <v>136</v>
      </c>
      <c r="T19" s="55">
        <v>102</v>
      </c>
      <c r="U19" s="56">
        <v>238</v>
      </c>
      <c r="V19" s="55">
        <v>398</v>
      </c>
      <c r="W19" s="55">
        <v>360</v>
      </c>
      <c r="X19" s="55">
        <v>274</v>
      </c>
      <c r="Y19" s="56">
        <v>634</v>
      </c>
      <c r="Z19" s="56">
        <v>872</v>
      </c>
      <c r="AA19" s="56">
        <v>-183</v>
      </c>
      <c r="AB19" s="56">
        <v>-386</v>
      </c>
      <c r="AC19" s="57">
        <v>181538</v>
      </c>
      <c r="AD19" s="57">
        <v>201566</v>
      </c>
      <c r="AE19" s="57">
        <v>211893</v>
      </c>
      <c r="AF19" s="58">
        <v>413459</v>
      </c>
    </row>
    <row r="20" spans="1:32" ht="20.100000000000001" customHeight="1" x14ac:dyDescent="0.2">
      <c r="A20" s="54">
        <v>3</v>
      </c>
      <c r="B20" s="59">
        <v>110</v>
      </c>
      <c r="C20" s="59">
        <v>130</v>
      </c>
      <c r="D20" s="60">
        <v>240</v>
      </c>
      <c r="E20" s="59">
        <v>230</v>
      </c>
      <c r="F20" s="59">
        <v>209</v>
      </c>
      <c r="G20" s="60">
        <v>439</v>
      </c>
      <c r="H20" s="60">
        <v>-199</v>
      </c>
      <c r="I20" s="59">
        <v>653</v>
      </c>
      <c r="J20" s="59">
        <v>266</v>
      </c>
      <c r="K20" s="59">
        <v>321</v>
      </c>
      <c r="L20" s="60">
        <v>587</v>
      </c>
      <c r="M20" s="59">
        <v>1002</v>
      </c>
      <c r="N20" s="59">
        <v>938</v>
      </c>
      <c r="O20" s="59">
        <v>662</v>
      </c>
      <c r="P20" s="60">
        <v>1600</v>
      </c>
      <c r="Q20" s="60">
        <v>2187</v>
      </c>
      <c r="R20" s="59">
        <v>509</v>
      </c>
      <c r="S20" s="59">
        <v>256</v>
      </c>
      <c r="T20" s="59">
        <v>275</v>
      </c>
      <c r="U20" s="60">
        <v>531</v>
      </c>
      <c r="V20" s="59">
        <v>742</v>
      </c>
      <c r="W20" s="59">
        <v>1095</v>
      </c>
      <c r="X20" s="59">
        <v>920</v>
      </c>
      <c r="Y20" s="60">
        <v>2015</v>
      </c>
      <c r="Z20" s="60">
        <v>2546</v>
      </c>
      <c r="AA20" s="60">
        <v>-359</v>
      </c>
      <c r="AB20" s="60">
        <v>-558</v>
      </c>
      <c r="AC20" s="61">
        <v>181942</v>
      </c>
      <c r="AD20" s="61">
        <v>201299</v>
      </c>
      <c r="AE20" s="61">
        <v>211602</v>
      </c>
      <c r="AF20" s="62">
        <v>412901</v>
      </c>
    </row>
    <row r="21" spans="1:32" ht="20.100000000000001" customHeight="1" x14ac:dyDescent="0.2">
      <c r="A21" s="54">
        <v>4</v>
      </c>
      <c r="B21" s="59">
        <v>110</v>
      </c>
      <c r="C21" s="59">
        <v>117</v>
      </c>
      <c r="D21" s="56">
        <v>227</v>
      </c>
      <c r="E21" s="59">
        <v>207</v>
      </c>
      <c r="F21" s="59">
        <v>223</v>
      </c>
      <c r="G21" s="56">
        <v>430</v>
      </c>
      <c r="H21" s="56">
        <v>-203</v>
      </c>
      <c r="I21" s="59">
        <v>499</v>
      </c>
      <c r="J21" s="59">
        <v>237</v>
      </c>
      <c r="K21" s="59">
        <v>158</v>
      </c>
      <c r="L21" s="56">
        <v>395</v>
      </c>
      <c r="M21" s="59">
        <v>842</v>
      </c>
      <c r="N21" s="59">
        <v>772</v>
      </c>
      <c r="O21" s="59">
        <v>456</v>
      </c>
      <c r="P21" s="56">
        <v>1228</v>
      </c>
      <c r="Q21" s="56">
        <v>1623</v>
      </c>
      <c r="R21" s="59">
        <v>411</v>
      </c>
      <c r="S21" s="59">
        <v>181</v>
      </c>
      <c r="T21" s="59">
        <v>127</v>
      </c>
      <c r="U21" s="56">
        <v>308</v>
      </c>
      <c r="V21" s="59">
        <v>493</v>
      </c>
      <c r="W21" s="59">
        <v>635</v>
      </c>
      <c r="X21" s="59">
        <v>444</v>
      </c>
      <c r="Y21" s="56">
        <v>1079</v>
      </c>
      <c r="Z21" s="56">
        <v>1387</v>
      </c>
      <c r="AA21" s="56">
        <v>236</v>
      </c>
      <c r="AB21" s="56">
        <v>33</v>
      </c>
      <c r="AC21" s="57">
        <v>182379</v>
      </c>
      <c r="AD21" s="57">
        <v>201395</v>
      </c>
      <c r="AE21" s="57">
        <v>211539</v>
      </c>
      <c r="AF21" s="58">
        <v>412934</v>
      </c>
    </row>
    <row r="22" spans="1:32" ht="20.100000000000001" customHeight="1" x14ac:dyDescent="0.2">
      <c r="A22" s="54">
        <v>5</v>
      </c>
      <c r="B22" s="55">
        <v>90</v>
      </c>
      <c r="C22" s="55">
        <v>113</v>
      </c>
      <c r="D22" s="56">
        <v>203</v>
      </c>
      <c r="E22" s="55">
        <v>209</v>
      </c>
      <c r="F22" s="55">
        <v>191</v>
      </c>
      <c r="G22" s="56">
        <v>400</v>
      </c>
      <c r="H22" s="56">
        <v>-197</v>
      </c>
      <c r="I22" s="59">
        <v>331</v>
      </c>
      <c r="J22" s="59">
        <v>131</v>
      </c>
      <c r="K22" s="59">
        <v>117</v>
      </c>
      <c r="L22" s="56">
        <v>248</v>
      </c>
      <c r="M22" s="59">
        <v>269</v>
      </c>
      <c r="N22" s="59">
        <v>244</v>
      </c>
      <c r="O22" s="59">
        <v>161</v>
      </c>
      <c r="P22" s="56">
        <v>405</v>
      </c>
      <c r="Q22" s="56">
        <v>653</v>
      </c>
      <c r="R22" s="59">
        <v>303</v>
      </c>
      <c r="S22" s="59">
        <v>87</v>
      </c>
      <c r="T22" s="59">
        <v>70</v>
      </c>
      <c r="U22" s="56">
        <v>157</v>
      </c>
      <c r="V22" s="59">
        <v>230</v>
      </c>
      <c r="W22" s="59">
        <v>280</v>
      </c>
      <c r="X22" s="59">
        <v>199</v>
      </c>
      <c r="Y22" s="56">
        <v>479</v>
      </c>
      <c r="Z22" s="56">
        <v>636</v>
      </c>
      <c r="AA22" s="56">
        <v>17</v>
      </c>
      <c r="AB22" s="56">
        <v>-180</v>
      </c>
      <c r="AC22" s="57">
        <v>182446</v>
      </c>
      <c r="AD22" s="57">
        <v>201284</v>
      </c>
      <c r="AE22" s="57">
        <v>211470</v>
      </c>
      <c r="AF22" s="58">
        <v>412754</v>
      </c>
    </row>
    <row r="23" spans="1:32" ht="20.100000000000001" customHeight="1" x14ac:dyDescent="0.2">
      <c r="A23" s="54">
        <v>6</v>
      </c>
      <c r="B23" s="55">
        <v>119</v>
      </c>
      <c r="C23" s="55">
        <v>132</v>
      </c>
      <c r="D23" s="56">
        <v>251</v>
      </c>
      <c r="E23" s="55">
        <v>180</v>
      </c>
      <c r="F23" s="55">
        <v>205</v>
      </c>
      <c r="G23" s="56">
        <v>385</v>
      </c>
      <c r="H23" s="56">
        <v>-134</v>
      </c>
      <c r="I23" s="55">
        <v>317</v>
      </c>
      <c r="J23" s="55">
        <v>119</v>
      </c>
      <c r="K23" s="55">
        <v>106</v>
      </c>
      <c r="L23" s="56">
        <v>225</v>
      </c>
      <c r="M23" s="55">
        <v>288</v>
      </c>
      <c r="N23" s="55">
        <v>261</v>
      </c>
      <c r="O23" s="55">
        <v>157</v>
      </c>
      <c r="P23" s="56">
        <v>418</v>
      </c>
      <c r="Q23" s="56">
        <v>643</v>
      </c>
      <c r="R23" s="55">
        <v>344</v>
      </c>
      <c r="S23" s="55">
        <v>116</v>
      </c>
      <c r="T23" s="55">
        <v>100</v>
      </c>
      <c r="U23" s="56">
        <v>216</v>
      </c>
      <c r="V23" s="55">
        <v>280</v>
      </c>
      <c r="W23" s="55">
        <v>316</v>
      </c>
      <c r="X23" s="55">
        <v>220</v>
      </c>
      <c r="Y23" s="56">
        <v>536</v>
      </c>
      <c r="Z23" s="56">
        <v>752</v>
      </c>
      <c r="AA23" s="56">
        <v>-109</v>
      </c>
      <c r="AB23" s="56">
        <v>-243</v>
      </c>
      <c r="AC23" s="57">
        <v>182427</v>
      </c>
      <c r="AD23" s="57">
        <v>201171</v>
      </c>
      <c r="AE23" s="57">
        <v>211340</v>
      </c>
      <c r="AF23" s="58">
        <v>412511</v>
      </c>
    </row>
    <row r="24" spans="1:32" ht="20.100000000000001" customHeight="1" x14ac:dyDescent="0.2">
      <c r="A24" s="54">
        <v>7</v>
      </c>
      <c r="B24" s="55">
        <v>135</v>
      </c>
      <c r="C24" s="55">
        <v>105</v>
      </c>
      <c r="D24" s="56">
        <v>240</v>
      </c>
      <c r="E24" s="55">
        <v>196</v>
      </c>
      <c r="F24" s="55">
        <v>215</v>
      </c>
      <c r="G24" s="56">
        <v>411</v>
      </c>
      <c r="H24" s="56">
        <v>-171</v>
      </c>
      <c r="I24" s="55">
        <v>339</v>
      </c>
      <c r="J24" s="55">
        <v>98</v>
      </c>
      <c r="K24" s="55">
        <v>108</v>
      </c>
      <c r="L24" s="56">
        <v>206</v>
      </c>
      <c r="M24" s="55">
        <v>279</v>
      </c>
      <c r="N24" s="55">
        <v>270</v>
      </c>
      <c r="O24" s="55">
        <v>185</v>
      </c>
      <c r="P24" s="56">
        <v>455</v>
      </c>
      <c r="Q24" s="56">
        <v>661</v>
      </c>
      <c r="R24" s="55">
        <v>346</v>
      </c>
      <c r="S24" s="55">
        <v>115</v>
      </c>
      <c r="T24" s="55">
        <v>113</v>
      </c>
      <c r="U24" s="56">
        <v>228</v>
      </c>
      <c r="V24" s="55">
        <v>219</v>
      </c>
      <c r="W24" s="55">
        <v>257</v>
      </c>
      <c r="X24" s="55">
        <v>184</v>
      </c>
      <c r="Y24" s="56">
        <v>441</v>
      </c>
      <c r="Z24" s="56">
        <v>669</v>
      </c>
      <c r="AA24" s="56">
        <v>-8</v>
      </c>
      <c r="AB24" s="56">
        <v>-179</v>
      </c>
      <c r="AC24" s="57">
        <v>182480</v>
      </c>
      <c r="AD24" s="57">
        <v>201106</v>
      </c>
      <c r="AE24" s="57">
        <v>211226</v>
      </c>
      <c r="AF24" s="58">
        <v>412332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3">
        <v>12</v>
      </c>
      <c r="B29" s="64"/>
      <c r="C29" s="64"/>
      <c r="D29" s="65">
        <v>0</v>
      </c>
      <c r="E29" s="64"/>
      <c r="F29" s="64"/>
      <c r="G29" s="65">
        <v>0</v>
      </c>
      <c r="H29" s="65">
        <v>0</v>
      </c>
      <c r="I29" s="64"/>
      <c r="J29" s="64"/>
      <c r="K29" s="64"/>
      <c r="L29" s="65">
        <v>0</v>
      </c>
      <c r="M29" s="64"/>
      <c r="N29" s="64"/>
      <c r="O29" s="64"/>
      <c r="P29" s="65">
        <v>0</v>
      </c>
      <c r="Q29" s="65">
        <v>0</v>
      </c>
      <c r="R29" s="64"/>
      <c r="S29" s="64"/>
      <c r="T29" s="64"/>
      <c r="U29" s="65">
        <v>0</v>
      </c>
      <c r="V29" s="64"/>
      <c r="W29" s="64"/>
      <c r="X29" s="64"/>
      <c r="Y29" s="65">
        <v>0</v>
      </c>
      <c r="Z29" s="65">
        <v>0</v>
      </c>
      <c r="AA29" s="65">
        <v>0</v>
      </c>
      <c r="AB29" s="65">
        <v>0</v>
      </c>
      <c r="AC29" s="66" t="s">
        <v>29</v>
      </c>
      <c r="AD29" s="66" t="s">
        <v>29</v>
      </c>
      <c r="AE29" s="66" t="s">
        <v>29</v>
      </c>
      <c r="AF29" s="67">
        <v>0</v>
      </c>
    </row>
    <row r="30" spans="1:32" ht="20.100000000000001" customHeight="1" x14ac:dyDescent="0.2">
      <c r="A30" s="45" t="s">
        <v>24</v>
      </c>
      <c r="B30" s="68">
        <v>763</v>
      </c>
      <c r="C30" s="68">
        <v>782</v>
      </c>
      <c r="D30" s="68">
        <v>1545</v>
      </c>
      <c r="E30" s="68">
        <v>1508</v>
      </c>
      <c r="F30" s="68">
        <v>1520</v>
      </c>
      <c r="G30" s="68">
        <v>3028</v>
      </c>
      <c r="H30" s="68">
        <v>-1483</v>
      </c>
      <c r="I30" s="68">
        <v>2691</v>
      </c>
      <c r="J30" s="68">
        <v>1040</v>
      </c>
      <c r="K30" s="68">
        <v>1005</v>
      </c>
      <c r="L30" s="68">
        <v>2045</v>
      </c>
      <c r="M30" s="68">
        <v>3444</v>
      </c>
      <c r="N30" s="68">
        <v>3121</v>
      </c>
      <c r="O30" s="68">
        <v>2049</v>
      </c>
      <c r="P30" s="68">
        <v>5170</v>
      </c>
      <c r="Q30" s="68">
        <v>7215</v>
      </c>
      <c r="R30" s="68">
        <v>2670</v>
      </c>
      <c r="S30" s="68">
        <v>999</v>
      </c>
      <c r="T30" s="68">
        <v>897</v>
      </c>
      <c r="U30" s="68">
        <v>1896</v>
      </c>
      <c r="V30" s="68">
        <v>2621</v>
      </c>
      <c r="W30" s="68">
        <v>3208</v>
      </c>
      <c r="X30" s="68">
        <v>2398</v>
      </c>
      <c r="Y30" s="68">
        <v>5606</v>
      </c>
      <c r="Z30" s="68">
        <v>7502</v>
      </c>
      <c r="AA30" s="68">
        <v>-287</v>
      </c>
      <c r="AB30" s="68">
        <v>-1770</v>
      </c>
      <c r="AC30" s="69"/>
      <c r="AD30" s="69"/>
      <c r="AE30" s="69"/>
      <c r="AF30" s="70"/>
    </row>
    <row r="31" spans="1:32" x14ac:dyDescent="0.2">
      <c r="H31" s="71"/>
      <c r="I31" s="71"/>
      <c r="J31" s="71"/>
      <c r="K31" s="71"/>
      <c r="L31" s="71"/>
      <c r="M31" s="71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</row>
    <row r="32" spans="1:32" x14ac:dyDescent="0.2">
      <c r="B32" s="72" t="s">
        <v>30</v>
      </c>
      <c r="E32" s="71"/>
      <c r="F32" s="71"/>
      <c r="G32" s="71"/>
      <c r="H32" s="71"/>
      <c r="I32" s="71"/>
      <c r="J32" s="71"/>
      <c r="K32" s="71"/>
      <c r="L32" s="71"/>
      <c r="M32" s="71"/>
      <c r="N32" s="71"/>
      <c r="O32" s="71"/>
      <c r="P32" s="71"/>
      <c r="Q32" s="71"/>
      <c r="R32" s="71"/>
      <c r="S32" s="71"/>
      <c r="T32" s="71"/>
      <c r="U32" s="71"/>
      <c r="V32" s="71"/>
      <c r="W32" s="71"/>
      <c r="X32" s="71"/>
      <c r="Y32" s="71"/>
      <c r="AA32" s="71"/>
      <c r="AB32" s="73"/>
      <c r="AC32" s="73"/>
      <c r="AD32" s="73"/>
      <c r="AE32" s="73"/>
      <c r="AF32" s="73"/>
    </row>
    <row r="33" spans="2:36" x14ac:dyDescent="0.2">
      <c r="B33" s="72" t="s">
        <v>31</v>
      </c>
    </row>
    <row r="34" spans="2:36" hidden="1" x14ac:dyDescent="0.2">
      <c r="AF34" s="74">
        <v>1</v>
      </c>
      <c r="AG34" s="75">
        <v>181677</v>
      </c>
      <c r="AH34" s="75">
        <v>201788</v>
      </c>
      <c r="AI34" s="75">
        <v>212057</v>
      </c>
      <c r="AJ34" s="75">
        <v>413845</v>
      </c>
    </row>
    <row r="35" spans="2:36" hidden="1" x14ac:dyDescent="0.2">
      <c r="AF35" s="74">
        <v>2</v>
      </c>
      <c r="AG35" s="75">
        <v>181538</v>
      </c>
      <c r="AH35" s="75">
        <v>201566</v>
      </c>
      <c r="AI35" s="75">
        <v>211893</v>
      </c>
      <c r="AJ35" s="75">
        <v>413459</v>
      </c>
    </row>
    <row r="36" spans="2:36" hidden="1" x14ac:dyDescent="0.2">
      <c r="AF36" s="74">
        <v>3</v>
      </c>
      <c r="AG36" s="75">
        <v>181942</v>
      </c>
      <c r="AH36" s="75">
        <v>201299</v>
      </c>
      <c r="AI36" s="75">
        <v>211602</v>
      </c>
      <c r="AJ36" s="75">
        <v>412901</v>
      </c>
    </row>
    <row r="37" spans="2:36" hidden="1" x14ac:dyDescent="0.2">
      <c r="AF37" s="74">
        <v>4</v>
      </c>
      <c r="AG37" s="75">
        <v>182379</v>
      </c>
      <c r="AH37" s="75">
        <v>201395</v>
      </c>
      <c r="AI37" s="75">
        <v>211539</v>
      </c>
      <c r="AJ37" s="75">
        <v>412934</v>
      </c>
    </row>
    <row r="38" spans="2:36" hidden="1" x14ac:dyDescent="0.2">
      <c r="AF38" s="74">
        <v>5</v>
      </c>
      <c r="AG38" s="75">
        <v>182446</v>
      </c>
      <c r="AH38" s="75">
        <v>201284</v>
      </c>
      <c r="AI38" s="75">
        <v>211470</v>
      </c>
      <c r="AJ38" s="75">
        <v>412754</v>
      </c>
    </row>
    <row r="39" spans="2:36" hidden="1" x14ac:dyDescent="0.2">
      <c r="AF39" s="74">
        <v>6</v>
      </c>
      <c r="AG39" s="75">
        <v>182427</v>
      </c>
      <c r="AH39" s="75">
        <v>201171</v>
      </c>
      <c r="AI39" s="75">
        <v>211340</v>
      </c>
      <c r="AJ39" s="75">
        <v>412511</v>
      </c>
    </row>
    <row r="40" spans="2:36" hidden="1" x14ac:dyDescent="0.2">
      <c r="AF40" s="74">
        <v>7</v>
      </c>
      <c r="AG40" s="75">
        <v>182480</v>
      </c>
      <c r="AH40" s="75">
        <v>201106</v>
      </c>
      <c r="AI40" s="75">
        <v>211226</v>
      </c>
      <c r="AJ40" s="75">
        <v>412332</v>
      </c>
    </row>
    <row r="41" spans="2:36" hidden="1" x14ac:dyDescent="0.2">
      <c r="AF41" s="74">
        <v>8</v>
      </c>
      <c r="AG41" s="75" t="s">
        <v>29</v>
      </c>
      <c r="AH41" s="75" t="s">
        <v>29</v>
      </c>
      <c r="AI41" s="75" t="s">
        <v>29</v>
      </c>
      <c r="AJ41" s="75">
        <v>0</v>
      </c>
    </row>
    <row r="42" spans="2:36" hidden="1" x14ac:dyDescent="0.2">
      <c r="AF42" s="74">
        <v>9</v>
      </c>
      <c r="AG42" s="75" t="s">
        <v>29</v>
      </c>
      <c r="AH42" s="75" t="s">
        <v>29</v>
      </c>
      <c r="AI42" s="75" t="s">
        <v>29</v>
      </c>
      <c r="AJ42" s="75">
        <v>0</v>
      </c>
    </row>
    <row r="43" spans="2:36" hidden="1" x14ac:dyDescent="0.2">
      <c r="AF43" s="74">
        <v>10</v>
      </c>
      <c r="AG43" s="75" t="s">
        <v>29</v>
      </c>
      <c r="AH43" s="75" t="s">
        <v>29</v>
      </c>
      <c r="AI43" s="75" t="s">
        <v>29</v>
      </c>
      <c r="AJ43" s="75">
        <v>0</v>
      </c>
    </row>
    <row r="44" spans="2:36" hidden="1" x14ac:dyDescent="0.2">
      <c r="AF44" s="74">
        <v>11</v>
      </c>
      <c r="AG44" s="75" t="s">
        <v>29</v>
      </c>
      <c r="AH44" s="75" t="s">
        <v>29</v>
      </c>
      <c r="AI44" s="75" t="s">
        <v>29</v>
      </c>
      <c r="AJ44" s="75">
        <v>0</v>
      </c>
    </row>
    <row r="45" spans="2:36" hidden="1" x14ac:dyDescent="0.2">
      <c r="AF45" s="74">
        <v>12</v>
      </c>
      <c r="AG45" s="75" t="s">
        <v>29</v>
      </c>
      <c r="AH45" s="75" t="s">
        <v>29</v>
      </c>
      <c r="AI45" s="75" t="s">
        <v>29</v>
      </c>
      <c r="AJ45" s="75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8-03T00:21:10Z</dcterms:created>
  <dcterms:modified xsi:type="dcterms:W3CDTF">2021-08-03T00:21:11Z</dcterms:modified>
</cp:coreProperties>
</file>